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224"/>
  <workbookPr/>
  <mc:AlternateContent xmlns:mc="http://schemas.openxmlformats.org/markup-compatibility/2006">
    <mc:Choice Requires="x15">
      <x15ac:absPath xmlns:x15ac="http://schemas.microsoft.com/office/spreadsheetml/2010/11/ac" url="C:\Users\s201995\Desktop\"/>
    </mc:Choice>
  </mc:AlternateContent>
  <xr:revisionPtr revIDLastSave="0" documentId="13_ncr:1_{603A1C60-CA51-45FE-8F8A-8173DC11A045}" xr6:coauthVersionLast="47" xr6:coauthVersionMax="47" xr10:uidLastSave="{00000000-0000-0000-0000-000000000000}"/>
  <bookViews>
    <workbookView xWindow="-120" yWindow="-120" windowWidth="29040" windowHeight="15720" xr2:uid="{FFA4E751-6C8D-4E7A-BAA9-1FE8D340A77D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2"/>
    </ext>
  </extLst>
</workbook>
</file>

<file path=xl/sharedStrings.xml><?xml version="1.0" encoding="utf-8"?>
<sst xmlns="http://schemas.openxmlformats.org/spreadsheetml/2006/main" count="20" uniqueCount="19">
  <si>
    <t>Kentucky Power Capital Additions - Mitchell U0 and U2 Cooling Tower</t>
  </si>
  <si>
    <t>2014</t>
  </si>
  <si>
    <t>2015</t>
  </si>
  <si>
    <t>2016</t>
  </si>
  <si>
    <t>2018</t>
  </si>
  <si>
    <t>2020</t>
  </si>
  <si>
    <t>2021</t>
  </si>
  <si>
    <t>2023</t>
  </si>
  <si>
    <t>2025</t>
  </si>
  <si>
    <t>YTD May 2026</t>
  </si>
  <si>
    <t>Total</t>
  </si>
  <si>
    <t>Mitchell U0</t>
  </si>
  <si>
    <t>000020312    ML U0 Cooling Tower Blow Down</t>
  </si>
  <si>
    <t>Mitchell U2</t>
  </si>
  <si>
    <t>000026265    ML U2 Cooling Tower Reinforce</t>
  </si>
  <si>
    <t>MLWPC2CTC    ML PCC U2 Cooling Tower Comp</t>
  </si>
  <si>
    <t>MLP20EP20    ML E U2 Cooling Tower Monitors</t>
  </si>
  <si>
    <t>MLP14EP40    ML E COOLING TOWER DELUGE HOUS</t>
  </si>
  <si>
    <t>ML218EP04    ML U2 COOL TOWER VALVE REP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_(* #,##0_);_(* \(#,##0\);_(* &quot;-&quot;??_);_(@_)"/>
  </numFmts>
  <fonts count="5">
    <font>
      <sz val="11"/>
      <color theme="1"/>
      <name val="Times New Roman"/>
      <family val="2"/>
    </font>
    <font>
      <b/>
      <sz val="10"/>
      <color theme="1"/>
      <name val="Arial"/>
    </font>
    <font>
      <sz val="8"/>
      <name val="Times New Roman"/>
      <family val="2"/>
    </font>
    <font>
      <b/>
      <sz val="11"/>
      <color theme="1"/>
      <name val="Times New Roman"/>
      <family val="1"/>
    </font>
    <font>
      <b/>
      <sz val="10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theme="4" tint="0.79998168889431442"/>
      </patternFill>
    </fill>
  </fills>
  <borders count="3">
    <border>
      <left/>
      <right/>
      <top/>
      <bottom/>
      <diagonal/>
    </border>
    <border>
      <left/>
      <right/>
      <top/>
      <bottom style="thin">
        <color theme="4" tint="0.39997558519241921"/>
      </bottom>
      <diagonal/>
    </border>
    <border>
      <left/>
      <right/>
      <top style="thin">
        <color theme="4" tint="0.39997558519241921"/>
      </top>
      <bottom/>
      <diagonal/>
    </border>
  </borders>
  <cellStyleXfs count="1">
    <xf numFmtId="0" fontId="0" fillId="0" borderId="0"/>
  </cellStyleXfs>
  <cellXfs count="9">
    <xf numFmtId="0" fontId="0" fillId="0" borderId="0" xfId="0"/>
    <xf numFmtId="0" fontId="1" fillId="2" borderId="1" xfId="0" applyFont="1" applyFill="1" applyBorder="1" applyAlignment="1">
      <alignment horizontal="left" vertical="center" wrapText="1"/>
    </xf>
    <xf numFmtId="0" fontId="1" fillId="2" borderId="1" xfId="0" applyFont="1" applyFill="1" applyBorder="1" applyAlignment="1">
      <alignment horizontal="center" vertical="center" wrapText="1"/>
    </xf>
    <xf numFmtId="0" fontId="0" fillId="0" borderId="0" xfId="0" applyAlignment="1">
      <alignment horizontal="left" wrapText="1" indent="4"/>
    </xf>
    <xf numFmtId="164" fontId="0" fillId="0" borderId="0" xfId="0" applyNumberFormat="1" applyAlignment="1">
      <alignment vertical="center"/>
    </xf>
    <xf numFmtId="164" fontId="1" fillId="2" borderId="2" xfId="0" applyNumberFormat="1" applyFont="1" applyFill="1" applyBorder="1" applyAlignment="1">
      <alignment vertical="center"/>
    </xf>
    <xf numFmtId="0" fontId="3" fillId="0" borderId="0" xfId="0" applyFont="1" applyAlignment="1">
      <alignment horizontal="left" wrapText="1" indent="2"/>
    </xf>
    <xf numFmtId="164" fontId="3" fillId="0" borderId="0" xfId="0" applyNumberFormat="1" applyFont="1" applyAlignment="1">
      <alignment vertical="center"/>
    </xf>
    <xf numFmtId="0" fontId="4" fillId="2" borderId="2" xfId="0" applyFont="1" applyFill="1" applyBorder="1" applyAlignment="1">
      <alignment horizontal="left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5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D12ACB-1CA7-447C-A166-E6D7FF6AB3B1}">
  <dimension ref="B2:L11"/>
  <sheetViews>
    <sheetView tabSelected="1" workbookViewId="0">
      <selection activeCell="G20" sqref="G20"/>
    </sheetView>
  </sheetViews>
  <sheetFormatPr defaultRowHeight="15"/>
  <cols>
    <col min="2" max="2" width="37.85546875" customWidth="1"/>
    <col min="3" max="11" width="11.7109375" customWidth="1"/>
    <col min="12" max="12" width="12.7109375" customWidth="1"/>
  </cols>
  <sheetData>
    <row r="2" spans="2:12" ht="25.5">
      <c r="B2" s="1" t="s">
        <v>0</v>
      </c>
      <c r="C2" s="2" t="s">
        <v>1</v>
      </c>
      <c r="D2" s="2" t="s">
        <v>2</v>
      </c>
      <c r="E2" s="2" t="s">
        <v>3</v>
      </c>
      <c r="F2" s="2" t="s">
        <v>4</v>
      </c>
      <c r="G2" s="2" t="s">
        <v>5</v>
      </c>
      <c r="H2" s="2" t="s">
        <v>6</v>
      </c>
      <c r="I2" s="2" t="s">
        <v>7</v>
      </c>
      <c r="J2" s="2" t="s">
        <v>8</v>
      </c>
      <c r="K2" s="2" t="s">
        <v>9</v>
      </c>
      <c r="L2" s="2" t="s">
        <v>10</v>
      </c>
    </row>
    <row r="3" spans="2:12">
      <c r="B3" s="6" t="s">
        <v>11</v>
      </c>
      <c r="C3" s="7"/>
      <c r="D3" s="7">
        <v>4598762.7600000007</v>
      </c>
      <c r="E3" s="7">
        <v>-12831.540000000037</v>
      </c>
      <c r="F3" s="7"/>
      <c r="G3" s="7"/>
      <c r="H3" s="7"/>
      <c r="I3" s="7"/>
      <c r="J3" s="7"/>
      <c r="K3" s="7"/>
      <c r="L3" s="7">
        <v>4585931.2200000007</v>
      </c>
    </row>
    <row r="4" spans="2:12" ht="30">
      <c r="B4" s="3" t="s">
        <v>12</v>
      </c>
      <c r="C4" s="4"/>
      <c r="D4" s="4">
        <v>4598762.7600000007</v>
      </c>
      <c r="E4" s="4">
        <v>-12831.540000000037</v>
      </c>
      <c r="F4" s="4"/>
      <c r="G4" s="4"/>
      <c r="H4" s="4"/>
      <c r="I4" s="4"/>
      <c r="J4" s="4"/>
      <c r="K4" s="4"/>
      <c r="L4" s="4">
        <v>4585931.2200000007</v>
      </c>
    </row>
    <row r="5" spans="2:12">
      <c r="B5" s="6" t="s">
        <v>13</v>
      </c>
      <c r="C5" s="7">
        <v>30075.23</v>
      </c>
      <c r="D5" s="7">
        <v>68655.819999999992</v>
      </c>
      <c r="E5" s="7"/>
      <c r="F5" s="7">
        <v>21189.05</v>
      </c>
      <c r="G5" s="7">
        <v>365708.84</v>
      </c>
      <c r="H5" s="7">
        <v>16.040000000037253</v>
      </c>
      <c r="I5" s="7">
        <v>2793349.3799999994</v>
      </c>
      <c r="J5" s="7">
        <v>3766988.22</v>
      </c>
      <c r="K5" s="7">
        <v>85441.239999999991</v>
      </c>
      <c r="L5" s="7">
        <v>7131423.8199999994</v>
      </c>
    </row>
    <row r="6" spans="2:12" ht="30">
      <c r="B6" s="3" t="s">
        <v>14</v>
      </c>
      <c r="C6" s="4"/>
      <c r="D6" s="4"/>
      <c r="E6" s="4"/>
      <c r="F6" s="4"/>
      <c r="G6" s="4"/>
      <c r="H6" s="4"/>
      <c r="I6" s="4"/>
      <c r="J6" s="4">
        <v>3766988.22</v>
      </c>
      <c r="K6" s="4">
        <v>85441.239999999991</v>
      </c>
      <c r="L6" s="4">
        <v>3852429.46</v>
      </c>
    </row>
    <row r="7" spans="2:12" ht="30">
      <c r="B7" s="3" t="s">
        <v>15</v>
      </c>
      <c r="C7" s="4"/>
      <c r="D7" s="4"/>
      <c r="E7" s="4"/>
      <c r="F7" s="4"/>
      <c r="G7" s="4"/>
      <c r="H7" s="4"/>
      <c r="I7" s="4">
        <v>2793349.3799999994</v>
      </c>
      <c r="J7" s="4"/>
      <c r="K7" s="4"/>
      <c r="L7" s="4">
        <v>2793349.3799999994</v>
      </c>
    </row>
    <row r="8" spans="2:12" ht="30">
      <c r="B8" s="3" t="s">
        <v>16</v>
      </c>
      <c r="C8" s="4"/>
      <c r="D8" s="4"/>
      <c r="E8" s="4"/>
      <c r="F8" s="4"/>
      <c r="G8" s="4">
        <v>365708.84</v>
      </c>
      <c r="H8" s="4">
        <v>16.040000000037253</v>
      </c>
      <c r="I8" s="4"/>
      <c r="J8" s="4"/>
      <c r="K8" s="4"/>
      <c r="L8" s="4">
        <v>365724.88000000006</v>
      </c>
    </row>
    <row r="9" spans="2:12" ht="30">
      <c r="B9" s="3" t="s">
        <v>17</v>
      </c>
      <c r="C9" s="4">
        <v>30075.23</v>
      </c>
      <c r="D9" s="4">
        <v>68655.819999999992</v>
      </c>
      <c r="E9" s="4"/>
      <c r="F9" s="4"/>
      <c r="G9" s="4"/>
      <c r="H9" s="4"/>
      <c r="I9" s="4"/>
      <c r="J9" s="4"/>
      <c r="K9" s="4"/>
      <c r="L9" s="4">
        <v>98731.049999999988</v>
      </c>
    </row>
    <row r="10" spans="2:12" ht="30">
      <c r="B10" s="3" t="s">
        <v>18</v>
      </c>
      <c r="C10" s="4"/>
      <c r="D10" s="4"/>
      <c r="E10" s="4"/>
      <c r="F10" s="4">
        <v>21189.05</v>
      </c>
      <c r="G10" s="4"/>
      <c r="H10" s="4"/>
      <c r="I10" s="4"/>
      <c r="J10" s="4"/>
      <c r="K10" s="4"/>
      <c r="L10" s="4">
        <v>21189.05</v>
      </c>
    </row>
    <row r="11" spans="2:12">
      <c r="B11" s="8" t="s">
        <v>10</v>
      </c>
      <c r="C11" s="5">
        <v>30075.23</v>
      </c>
      <c r="D11" s="5">
        <v>4667418.580000001</v>
      </c>
      <c r="E11" s="5">
        <v>-12831.540000000037</v>
      </c>
      <c r="F11" s="5">
        <v>21189.05</v>
      </c>
      <c r="G11" s="5">
        <v>365708.84</v>
      </c>
      <c r="H11" s="5">
        <v>16.040000000037253</v>
      </c>
      <c r="I11" s="5">
        <v>2793349.3799999994</v>
      </c>
      <c r="J11" s="5">
        <v>3766988.22</v>
      </c>
      <c r="K11" s="5">
        <v>85441.239999999991</v>
      </c>
      <c r="L11" s="5">
        <v>11717355.040000001</v>
      </c>
    </row>
  </sheetData>
  <phoneticPr fontId="2" type="noConversion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_Flow_SignoffStatus xmlns="f88ffb1c-9230-4705-a789-27bae69f5829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049995464e7bd8919604ce5b50842935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d05b0b3c092d42dd81fdac30d210b6a3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OriginalFileDate" minOccurs="0"/>
                <xsd:element ref="ns2:_Flow_SignoffStatu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OriginalFileDate" ma:index="23" nillable="true" ma:displayName="Original File Date" ma:format="DateOnly" ma:internalName="OriginalFileDate">
      <xsd:simpleType>
        <xsd:restriction base="dms:DateTime"/>
      </xsd:simpleType>
    </xsd:element>
    <xsd:element name="_Flow_SignoffStatus" ma:index="24" nillable="true" ma:displayName="Sign-off status" ma:internalName="_x0024_Resources_x003a_core_x002c_Signoff_Status">
      <xsd:simpleType>
        <xsd:restriction base="dms:Text"/>
      </xsd:simpleType>
    </xsd:element>
    <xsd:element name="MediaServiceLocation" ma:index="25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5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MDE5OTU8L1VzZXJOYW1lPjxEYXRlVGltZT43LzEvMjAyNiAzOjEwOjE5IFBNPC9EYXRlVGltZT48TGFiZWxTdHJpbmc+VW5jYXRlZ29yaXplZDwvTGFiZWxTdHJpbmc+PC9pdGVtPjwvbGFiZWxIaXN0b3J5Pg==</Value>
</WrappedLabelHistory>
</file>

<file path=customXml/itemProps1.xml><?xml version="1.0" encoding="utf-8"?>
<ds:datastoreItem xmlns:ds="http://schemas.openxmlformats.org/officeDocument/2006/customXml" ds:itemID="{ECBC99B8-6DAE-4327-BBA1-DBB7F8A2FA2E}"/>
</file>

<file path=customXml/itemProps2.xml><?xml version="1.0" encoding="utf-8"?>
<ds:datastoreItem xmlns:ds="http://schemas.openxmlformats.org/officeDocument/2006/customXml" ds:itemID="{8CB1AE87-CA8D-4CBB-9964-3A9DD7AE0BC4}"/>
</file>

<file path=customXml/itemProps3.xml><?xml version="1.0" encoding="utf-8"?>
<ds:datastoreItem xmlns:ds="http://schemas.openxmlformats.org/officeDocument/2006/customXml" ds:itemID="{9AC490DA-AE24-43D5-B08B-EDA108454B2D}"/>
</file>

<file path=customXml/itemProps4.xml><?xml version="1.0" encoding="utf-8"?>
<ds:datastoreItem xmlns:ds="http://schemas.openxmlformats.org/officeDocument/2006/customXml" ds:itemID="{18D3DCBB-7E6D-446E-A90F-8CF9B08FC78F}"/>
</file>

<file path=customXml/itemProps5.xml><?xml version="1.0" encoding="utf-8"?>
<ds:datastoreItem xmlns:ds="http://schemas.openxmlformats.org/officeDocument/2006/customXml" ds:itemID="{D84C7FA3-9819-4F32-9E69-FB23B1FC925D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>American Electric Power</Company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Frank J Zeroski</dc:creator>
  <cp:keywords/>
  <dc:description/>
  <cp:lastModifiedBy>jdlee@stites.com</cp:lastModifiedBy>
  <cp:revision/>
  <dcterms:created xsi:type="dcterms:W3CDTF">2026-07-01T15:03:49Z</dcterms:created>
  <dcterms:modified xsi:type="dcterms:W3CDTF">2026-07-01T16:39:5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86756ad-0afc-4b3c-ad22-16eb8db45908</vt:lpwstr>
  </property>
  <property fmtid="{D5CDD505-2E9C-101B-9397-08002B2CF9AE}" pid="3" name="bjClsUserRVM">
    <vt:lpwstr>[]</vt:lpwstr>
  </property>
  <property fmtid="{D5CDD505-2E9C-101B-9397-08002B2CF9AE}" pid="4" name="bjSaver">
    <vt:lpwstr>AOGNlYsVpE6KdR79O+GDMR6SrUFdIiwb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LabelHistoryID">
    <vt:lpwstr>{D84C7FA3-9819-4F32-9E69-FB23B1FC925D}</vt:lpwstr>
  </property>
  <property fmtid="{D5CDD505-2E9C-101B-9397-08002B2CF9AE}" pid="12" name="ContentTypeId">
    <vt:lpwstr>0x0101004DF805D1E1DA4A49A223477D3B105720</vt:lpwstr>
  </property>
  <property fmtid="{D5CDD505-2E9C-101B-9397-08002B2CF9AE}" pid="13" name="MediaServiceImageTags">
    <vt:lpwstr/>
  </property>
</Properties>
</file>